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13230" windowHeight="11400" tabRatio="909"/>
  </bookViews>
  <sheets>
    <sheet name="9-1" sheetId="22" r:id="rId1"/>
  </sheets>
  <definedNames>
    <definedName name="_xlnm.Print_Area" localSheetId="0">'9-1'!$A$1:$R$9</definedName>
  </definedNames>
  <calcPr calcId="145621"/>
</workbook>
</file>

<file path=xl/sharedStrings.xml><?xml version="1.0" encoding="utf-8"?>
<sst xmlns="http://schemas.openxmlformats.org/spreadsheetml/2006/main" count="50" uniqueCount="21">
  <si>
    <t>池中養殖</t>
    <rPh sb="0" eb="1">
      <t>イケ</t>
    </rPh>
    <rPh sb="1" eb="2">
      <t>ナカ</t>
    </rPh>
    <rPh sb="2" eb="4">
      <t>ヨウショク</t>
    </rPh>
    <phoneticPr fontId="2"/>
  </si>
  <si>
    <t>止水式</t>
    <rPh sb="0" eb="2">
      <t>シスイ</t>
    </rPh>
    <rPh sb="2" eb="3">
      <t>シキ</t>
    </rPh>
    <phoneticPr fontId="2"/>
  </si>
  <si>
    <t>流水式</t>
    <rPh sb="0" eb="2">
      <t>リュウスイ</t>
    </rPh>
    <rPh sb="2" eb="3">
      <t>シキ</t>
    </rPh>
    <phoneticPr fontId="2"/>
  </si>
  <si>
    <t>ため池養殖</t>
    <rPh sb="2" eb="3">
      <t>イケ</t>
    </rPh>
    <rPh sb="3" eb="5">
      <t>ヨウショク</t>
    </rPh>
    <phoneticPr fontId="2"/>
  </si>
  <si>
    <t>網いけす養殖</t>
    <rPh sb="0" eb="1">
      <t>アミ</t>
    </rPh>
    <rPh sb="4" eb="6">
      <t>ヨウショク</t>
    </rPh>
    <phoneticPr fontId="2"/>
  </si>
  <si>
    <t>資料：漁業センサス</t>
    <rPh sb="0" eb="2">
      <t>シリョウ</t>
    </rPh>
    <rPh sb="3" eb="5">
      <t>ギョギョウ</t>
    </rPh>
    <phoneticPr fontId="2"/>
  </si>
  <si>
    <t>経営体数</t>
    <rPh sb="0" eb="2">
      <t>ケイエイ</t>
    </rPh>
    <rPh sb="2" eb="3">
      <t>タイ</t>
    </rPh>
    <rPh sb="3" eb="4">
      <t>カズ</t>
    </rPh>
    <phoneticPr fontId="2"/>
  </si>
  <si>
    <t>循環式</t>
    <rPh sb="0" eb="2">
      <t>ジュンカン</t>
    </rPh>
    <rPh sb="2" eb="3">
      <t>シキ</t>
    </rPh>
    <phoneticPr fontId="2"/>
  </si>
  <si>
    <t>年次</t>
    <rPh sb="0" eb="2">
      <t>ネンジ</t>
    </rPh>
    <phoneticPr fontId="2"/>
  </si>
  <si>
    <t>平成20年</t>
    <rPh sb="0" eb="2">
      <t>ヘイセイ</t>
    </rPh>
    <rPh sb="4" eb="5">
      <t>ネン</t>
    </rPh>
    <phoneticPr fontId="2"/>
  </si>
  <si>
    <t>平成25年</t>
    <rPh sb="0" eb="2">
      <t>ヘイセイ</t>
    </rPh>
    <rPh sb="4" eb="5">
      <t>ネン</t>
    </rPh>
    <phoneticPr fontId="2"/>
  </si>
  <si>
    <t xml:space="preserve"> - </t>
  </si>
  <si>
    <t>１経営体平均
養殖池数</t>
    <phoneticPr fontId="2"/>
  </si>
  <si>
    <t>平成30年</t>
    <rPh sb="0" eb="2">
      <t>ヘイセイ</t>
    </rPh>
    <rPh sb="4" eb="5">
      <t>ネン</t>
    </rPh>
    <phoneticPr fontId="2"/>
  </si>
  <si>
    <t>経営
体数</t>
    <rPh sb="0" eb="2">
      <t>ケイエイ</t>
    </rPh>
    <rPh sb="3" eb="4">
      <t>タイ</t>
    </rPh>
    <rPh sb="4" eb="5">
      <t>スウ</t>
    </rPh>
    <phoneticPr fontId="2"/>
  </si>
  <si>
    <t>9-1　養殖方法別経営体数と面積</t>
    <rPh sb="4" eb="6">
      <t>ヨウショク</t>
    </rPh>
    <rPh sb="6" eb="8">
      <t>ホウホウ</t>
    </rPh>
    <rPh sb="8" eb="9">
      <t>ベツ</t>
    </rPh>
    <rPh sb="9" eb="12">
      <t>ケイエイタイ</t>
    </rPh>
    <rPh sb="12" eb="13">
      <t>カズ</t>
    </rPh>
    <rPh sb="14" eb="16">
      <t>メンセキ</t>
    </rPh>
    <phoneticPr fontId="2"/>
  </si>
  <si>
    <t>養殖池数
（面）</t>
    <rPh sb="0" eb="2">
      <t>ヨウショク</t>
    </rPh>
    <rPh sb="2" eb="3">
      <t>イケ</t>
    </rPh>
    <rPh sb="3" eb="4">
      <t>カズ</t>
    </rPh>
    <rPh sb="6" eb="7">
      <t>メン</t>
    </rPh>
    <phoneticPr fontId="2"/>
  </si>
  <si>
    <t>面積
（㎡）</t>
    <rPh sb="0" eb="2">
      <t>メンセキ</t>
    </rPh>
    <phoneticPr fontId="2"/>
  </si>
  <si>
    <t>11月1日現在</t>
    <rPh sb="2" eb="3">
      <t>ガツ</t>
    </rPh>
    <rPh sb="4" eb="5">
      <t>ヒ</t>
    </rPh>
    <rPh sb="5" eb="7">
      <t>ゲンザイ</t>
    </rPh>
    <phoneticPr fontId="2"/>
  </si>
  <si>
    <t>養殖面積
（㎡）</t>
    <rPh sb="0" eb="2">
      <t>ヨウショク</t>
    </rPh>
    <rPh sb="2" eb="4">
      <t>メンセキ</t>
    </rPh>
    <phoneticPr fontId="2"/>
  </si>
  <si>
    <t>その他の養殖</t>
    <rPh sb="2" eb="3">
      <t>タ</t>
    </rPh>
    <rPh sb="4" eb="6">
      <t>ヨウショ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);[Red]\(#,##0\)"/>
  </numFmts>
  <fonts count="9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9"/>
      <name val="明朝"/>
      <family val="1"/>
      <charset val="128"/>
    </font>
    <font>
      <sz val="11"/>
      <name val="明朝"/>
      <family val="1"/>
      <charset val="128"/>
    </font>
    <font>
      <sz val="10"/>
      <name val="明朝"/>
      <family val="1"/>
      <charset val="128"/>
    </font>
    <font>
      <sz val="8"/>
      <name val="明朝"/>
      <family val="1"/>
      <charset val="128"/>
    </font>
    <font>
      <sz val="10"/>
      <color rgb="FF0070C0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8">
    <xf numFmtId="0" fontId="0" fillId="0" borderId="0" xfId="0"/>
    <xf numFmtId="0" fontId="5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vertical="center"/>
    </xf>
    <xf numFmtId="38" fontId="6" fillId="0" borderId="0" xfId="1" applyFont="1" applyBorder="1" applyAlignment="1">
      <alignment horizontal="right" vertical="center"/>
    </xf>
    <xf numFmtId="0" fontId="6" fillId="0" borderId="0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5" fillId="0" borderId="0" xfId="0" applyFont="1" applyBorder="1" applyAlignment="1">
      <alignment vertical="center"/>
    </xf>
    <xf numFmtId="0" fontId="4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6" fillId="0" borderId="0" xfId="1" applyNumberFormat="1" applyFont="1" applyBorder="1" applyAlignment="1">
      <alignment horizontal="right" vertical="center"/>
    </xf>
    <xf numFmtId="176" fontId="6" fillId="0" borderId="0" xfId="1" applyNumberFormat="1" applyFont="1" applyBorder="1" applyAlignment="1">
      <alignment horizontal="right" vertical="center"/>
    </xf>
    <xf numFmtId="176" fontId="6" fillId="0" borderId="13" xfId="0" applyNumberFormat="1" applyFont="1" applyBorder="1" applyAlignment="1">
      <alignment horizontal="center" vertical="center"/>
    </xf>
    <xf numFmtId="0" fontId="6" fillId="0" borderId="1" xfId="1" applyNumberFormat="1" applyFont="1" applyBorder="1" applyAlignment="1">
      <alignment horizontal="right" vertical="center"/>
    </xf>
    <xf numFmtId="176" fontId="6" fillId="0" borderId="1" xfId="1" applyNumberFormat="1" applyFont="1" applyBorder="1" applyAlignment="1">
      <alignment horizontal="right" vertical="center"/>
    </xf>
    <xf numFmtId="0" fontId="5" fillId="0" borderId="16" xfId="0" applyFont="1" applyBorder="1" applyAlignment="1">
      <alignment vertical="center"/>
    </xf>
    <xf numFmtId="0" fontId="6" fillId="0" borderId="0" xfId="1" applyNumberFormat="1" applyFont="1" applyBorder="1" applyAlignment="1">
      <alignment horizontal="center" vertical="center"/>
    </xf>
    <xf numFmtId="176" fontId="8" fillId="0" borderId="0" xfId="1" applyNumberFormat="1" applyFont="1" applyBorder="1" applyAlignment="1">
      <alignment horizontal="center" vertical="center"/>
    </xf>
    <xf numFmtId="0" fontId="8" fillId="0" borderId="0" xfId="1" applyNumberFormat="1" applyFont="1" applyBorder="1" applyAlignment="1">
      <alignment horizontal="center" vertical="center"/>
    </xf>
    <xf numFmtId="176" fontId="6" fillId="0" borderId="19" xfId="0" applyNumberFormat="1" applyFont="1" applyBorder="1" applyAlignment="1">
      <alignment horizontal="center" vertical="center"/>
    </xf>
    <xf numFmtId="0" fontId="6" fillId="0" borderId="20" xfId="1" applyNumberFormat="1" applyFont="1" applyBorder="1" applyAlignment="1">
      <alignment horizontal="right" vertical="center"/>
    </xf>
    <xf numFmtId="176" fontId="6" fillId="0" borderId="20" xfId="1" applyNumberFormat="1" applyFont="1" applyBorder="1" applyAlignment="1">
      <alignment horizontal="right" vertical="center"/>
    </xf>
    <xf numFmtId="0" fontId="6" fillId="0" borderId="16" xfId="1" applyNumberFormat="1" applyFont="1" applyBorder="1" applyAlignment="1">
      <alignment horizontal="right" vertical="center"/>
    </xf>
    <xf numFmtId="176" fontId="6" fillId="0" borderId="16" xfId="1" applyNumberFormat="1" applyFont="1" applyBorder="1" applyAlignment="1">
      <alignment horizontal="right" vertical="center"/>
    </xf>
    <xf numFmtId="0" fontId="6" fillId="0" borderId="16" xfId="1" applyNumberFormat="1" applyFont="1" applyBorder="1" applyAlignment="1">
      <alignment horizontal="center" vertical="center"/>
    </xf>
    <xf numFmtId="176" fontId="6" fillId="0" borderId="16" xfId="1" applyNumberFormat="1" applyFont="1" applyBorder="1" applyAlignment="1">
      <alignment horizontal="center" vertical="center"/>
    </xf>
    <xf numFmtId="176" fontId="6" fillId="0" borderId="5" xfId="0" applyNumberFormat="1" applyFont="1" applyBorder="1" applyAlignment="1">
      <alignment horizontal="center" vertical="center"/>
    </xf>
    <xf numFmtId="0" fontId="6" fillId="0" borderId="17" xfId="1" applyNumberFormat="1" applyFont="1" applyBorder="1" applyAlignment="1">
      <alignment horizontal="right" vertical="center"/>
    </xf>
    <xf numFmtId="176" fontId="6" fillId="0" borderId="17" xfId="1" applyNumberFormat="1" applyFont="1" applyBorder="1" applyAlignment="1">
      <alignment horizontal="right" vertical="center"/>
    </xf>
    <xf numFmtId="0" fontId="6" fillId="0" borderId="17" xfId="1" applyNumberFormat="1" applyFont="1" applyBorder="1" applyAlignment="1">
      <alignment horizontal="center" vertical="center"/>
    </xf>
    <xf numFmtId="176" fontId="6" fillId="0" borderId="17" xfId="1" applyNumberFormat="1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7" fillId="0" borderId="7" xfId="0" applyFont="1" applyBorder="1" applyAlignment="1">
      <alignment horizontal="center" vertical="center"/>
    </xf>
    <xf numFmtId="0" fontId="7" fillId="0" borderId="2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6" fillId="0" borderId="16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/>
    </xf>
    <xf numFmtId="0" fontId="7" fillId="0" borderId="14" xfId="0" applyFont="1" applyBorder="1" applyAlignment="1">
      <alignment horizontal="center" vertical="center"/>
    </xf>
    <xf numFmtId="0" fontId="7" fillId="0" borderId="13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8" xfId="0" applyFont="1" applyBorder="1" applyAlignment="1">
      <alignment horizontal="center" vertical="center" wrapText="1"/>
    </xf>
    <xf numFmtId="0" fontId="7" fillId="0" borderId="9" xfId="0" applyFont="1" applyBorder="1" applyAlignment="1">
      <alignment horizontal="center" vertical="center"/>
    </xf>
    <xf numFmtId="0" fontId="7" fillId="0" borderId="10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2">
    <pageSetUpPr fitToPage="1"/>
  </sheetPr>
  <dimension ref="A1:R26"/>
  <sheetViews>
    <sheetView tabSelected="1" view="pageBreakPreview" zoomScaleNormal="100" zoomScaleSheetLayoutView="100" workbookViewId="0"/>
  </sheetViews>
  <sheetFormatPr defaultRowHeight="13.5"/>
  <cols>
    <col min="1" max="2" width="4.625" style="1" customWidth="1"/>
    <col min="3" max="5" width="6.625" style="1" customWidth="1"/>
    <col min="6" max="6" width="8.625" style="1" customWidth="1"/>
    <col min="7" max="7" width="5.125" style="1" customWidth="1"/>
    <col min="8" max="8" width="8.625" style="1" customWidth="1"/>
    <col min="9" max="9" width="5.125" style="1" customWidth="1"/>
    <col min="10" max="10" width="8.625" style="1" customWidth="1"/>
    <col min="11" max="11" width="5.125" style="1" customWidth="1"/>
    <col min="12" max="12" width="8.625" style="1" customWidth="1"/>
    <col min="13" max="13" width="5" style="1" customWidth="1"/>
    <col min="14" max="14" width="8.625" style="1" customWidth="1"/>
    <col min="15" max="15" width="5" style="1" customWidth="1"/>
    <col min="16" max="16" width="8.625" style="1" customWidth="1"/>
    <col min="17" max="17" width="5" style="1" customWidth="1"/>
    <col min="18" max="18" width="8.625" style="1" customWidth="1"/>
    <col min="19" max="16384" width="9" style="1"/>
  </cols>
  <sheetData>
    <row r="1" spans="1:18" ht="18" customHeight="1" thickBot="1">
      <c r="A1" s="2" t="s">
        <v>15</v>
      </c>
      <c r="B1" s="2"/>
      <c r="D1" s="19"/>
      <c r="E1" s="19"/>
      <c r="R1" s="3" t="s">
        <v>18</v>
      </c>
    </row>
    <row r="2" spans="1:18" ht="21.75" customHeight="1">
      <c r="A2" s="49" t="s">
        <v>8</v>
      </c>
      <c r="B2" s="49"/>
      <c r="C2" s="50" t="s">
        <v>6</v>
      </c>
      <c r="D2" s="48" t="s">
        <v>16</v>
      </c>
      <c r="E2" s="48" t="s">
        <v>12</v>
      </c>
      <c r="F2" s="53" t="s">
        <v>19</v>
      </c>
      <c r="G2" s="7"/>
      <c r="H2" s="8"/>
      <c r="I2" s="45" t="s">
        <v>0</v>
      </c>
      <c r="J2" s="45"/>
      <c r="K2" s="8"/>
      <c r="L2" s="9"/>
      <c r="M2" s="40" t="s">
        <v>3</v>
      </c>
      <c r="N2" s="40"/>
      <c r="O2" s="40" t="s">
        <v>4</v>
      </c>
      <c r="P2" s="41"/>
      <c r="Q2" s="40" t="s">
        <v>20</v>
      </c>
      <c r="R2" s="41"/>
    </row>
    <row r="3" spans="1:18" ht="21.75" customHeight="1">
      <c r="A3" s="44"/>
      <c r="B3" s="44"/>
      <c r="C3" s="51"/>
      <c r="D3" s="42"/>
      <c r="E3" s="42"/>
      <c r="F3" s="54"/>
      <c r="G3" s="42" t="s">
        <v>1</v>
      </c>
      <c r="H3" s="42"/>
      <c r="I3" s="42" t="s">
        <v>2</v>
      </c>
      <c r="J3" s="42"/>
      <c r="K3" s="42" t="s">
        <v>7</v>
      </c>
      <c r="L3" s="42"/>
      <c r="M3" s="42"/>
      <c r="N3" s="42"/>
      <c r="O3" s="42"/>
      <c r="P3" s="43"/>
      <c r="Q3" s="42"/>
      <c r="R3" s="43"/>
    </row>
    <row r="4" spans="1:18" ht="21.75" customHeight="1">
      <c r="A4" s="44"/>
      <c r="B4" s="44"/>
      <c r="C4" s="52"/>
      <c r="D4" s="42"/>
      <c r="E4" s="42"/>
      <c r="F4" s="55"/>
      <c r="G4" s="35" t="s">
        <v>14</v>
      </c>
      <c r="H4" s="35" t="s">
        <v>17</v>
      </c>
      <c r="I4" s="35" t="s">
        <v>14</v>
      </c>
      <c r="J4" s="35" t="s">
        <v>17</v>
      </c>
      <c r="K4" s="35" t="s">
        <v>14</v>
      </c>
      <c r="L4" s="35" t="s">
        <v>17</v>
      </c>
      <c r="M4" s="35" t="s">
        <v>14</v>
      </c>
      <c r="N4" s="35" t="s">
        <v>17</v>
      </c>
      <c r="O4" s="35" t="s">
        <v>14</v>
      </c>
      <c r="P4" s="35" t="s">
        <v>17</v>
      </c>
      <c r="Q4" s="35" t="s">
        <v>14</v>
      </c>
      <c r="R4" s="36" t="s">
        <v>17</v>
      </c>
    </row>
    <row r="5" spans="1:18" ht="32.25" customHeight="1">
      <c r="A5" s="38" t="s">
        <v>9</v>
      </c>
      <c r="B5" s="39"/>
      <c r="C5" s="16">
        <v>119</v>
      </c>
      <c r="D5" s="17">
        <v>389</v>
      </c>
      <c r="E5" s="17">
        <v>3.3</v>
      </c>
      <c r="F5" s="18">
        <v>239927</v>
      </c>
      <c r="G5" s="14">
        <v>70</v>
      </c>
      <c r="H5" s="15">
        <v>157462</v>
      </c>
      <c r="I5" s="14">
        <v>74</v>
      </c>
      <c r="J5" s="15">
        <v>78490</v>
      </c>
      <c r="K5" s="14">
        <v>1</v>
      </c>
      <c r="L5" s="15">
        <v>2475</v>
      </c>
      <c r="M5" s="14">
        <v>1</v>
      </c>
      <c r="N5" s="15">
        <v>1500</v>
      </c>
      <c r="O5" s="20" t="s">
        <v>11</v>
      </c>
      <c r="P5" s="21" t="s">
        <v>11</v>
      </c>
      <c r="Q5" s="22" t="s">
        <v>11</v>
      </c>
      <c r="R5" s="21" t="s">
        <v>11</v>
      </c>
    </row>
    <row r="6" spans="1:18" ht="32.25" customHeight="1">
      <c r="A6" s="56" t="s">
        <v>10</v>
      </c>
      <c r="B6" s="57"/>
      <c r="C6" s="30">
        <v>92</v>
      </c>
      <c r="D6" s="17">
        <v>621</v>
      </c>
      <c r="E6" s="17">
        <v>6.8</v>
      </c>
      <c r="F6" s="18">
        <v>199163</v>
      </c>
      <c r="G6" s="31">
        <v>81</v>
      </c>
      <c r="H6" s="32">
        <v>178673</v>
      </c>
      <c r="I6" s="31">
        <v>18</v>
      </c>
      <c r="J6" s="32">
        <v>20490</v>
      </c>
      <c r="K6" s="33" t="s">
        <v>11</v>
      </c>
      <c r="L6" s="34" t="s">
        <v>11</v>
      </c>
      <c r="M6" s="33" t="s">
        <v>11</v>
      </c>
      <c r="N6" s="34" t="s">
        <v>11</v>
      </c>
      <c r="O6" s="33" t="s">
        <v>11</v>
      </c>
      <c r="P6" s="34" t="s">
        <v>11</v>
      </c>
      <c r="Q6" s="33" t="s">
        <v>11</v>
      </c>
      <c r="R6" s="34" t="s">
        <v>11</v>
      </c>
    </row>
    <row r="7" spans="1:18" ht="32.25" customHeight="1" thickBot="1">
      <c r="A7" s="46" t="s">
        <v>13</v>
      </c>
      <c r="B7" s="47"/>
      <c r="C7" s="23">
        <v>75</v>
      </c>
      <c r="D7" s="24">
        <v>335</v>
      </c>
      <c r="E7" s="24">
        <v>4.5</v>
      </c>
      <c r="F7" s="25">
        <v>186039</v>
      </c>
      <c r="G7" s="26">
        <v>65</v>
      </c>
      <c r="H7" s="27">
        <v>165953</v>
      </c>
      <c r="I7" s="26">
        <v>21</v>
      </c>
      <c r="J7" s="27">
        <v>20086</v>
      </c>
      <c r="K7" s="28" t="s">
        <v>11</v>
      </c>
      <c r="L7" s="29" t="s">
        <v>11</v>
      </c>
      <c r="M7" s="28" t="s">
        <v>11</v>
      </c>
      <c r="N7" s="29" t="s">
        <v>11</v>
      </c>
      <c r="O7" s="28" t="s">
        <v>11</v>
      </c>
      <c r="P7" s="29" t="s">
        <v>11</v>
      </c>
      <c r="Q7" s="28" t="s">
        <v>11</v>
      </c>
      <c r="R7" s="29" t="s">
        <v>11</v>
      </c>
    </row>
    <row r="8" spans="1:18">
      <c r="A8" s="4" t="s">
        <v>5</v>
      </c>
    </row>
    <row r="10" spans="1:18" s="11" customFormat="1">
      <c r="A10" s="10"/>
    </row>
    <row r="11" spans="1:18" s="11" customFormat="1">
      <c r="A11" s="44"/>
      <c r="B11" s="44"/>
      <c r="C11" s="6"/>
      <c r="D11" s="44"/>
      <c r="E11" s="44"/>
      <c r="F11" s="44"/>
      <c r="G11" s="44"/>
      <c r="H11" s="44"/>
      <c r="I11" s="44"/>
      <c r="J11" s="44"/>
      <c r="K11" s="44"/>
      <c r="L11" s="44"/>
      <c r="M11" s="44"/>
      <c r="N11" s="44"/>
      <c r="O11" s="44"/>
      <c r="P11" s="44"/>
      <c r="Q11" s="44"/>
      <c r="R11" s="44"/>
    </row>
    <row r="12" spans="1:18" s="11" customFormat="1">
      <c r="A12" s="44"/>
      <c r="B12" s="44"/>
      <c r="C12" s="6"/>
      <c r="D12" s="44"/>
      <c r="E12" s="44"/>
      <c r="F12" s="44"/>
      <c r="G12" s="44"/>
      <c r="H12" s="44"/>
      <c r="I12" s="44"/>
      <c r="J12" s="44"/>
      <c r="K12" s="44"/>
      <c r="L12" s="44"/>
      <c r="M12" s="44"/>
      <c r="N12" s="44"/>
      <c r="O12" s="44"/>
      <c r="P12" s="44"/>
      <c r="Q12" s="44"/>
      <c r="R12" s="44"/>
    </row>
    <row r="13" spans="1:18" s="11" customFormat="1">
      <c r="A13" s="44"/>
      <c r="B13" s="44"/>
      <c r="C13" s="6"/>
      <c r="D13" s="6"/>
      <c r="E13" s="6"/>
      <c r="F13" s="6"/>
      <c r="G13" s="6"/>
      <c r="H13" s="6"/>
      <c r="I13" s="6"/>
      <c r="J13" s="6"/>
      <c r="K13" s="6"/>
      <c r="L13" s="6"/>
      <c r="M13" s="6"/>
      <c r="N13" s="6"/>
      <c r="O13" s="6"/>
      <c r="P13" s="6"/>
      <c r="Q13" s="6"/>
      <c r="R13" s="6"/>
    </row>
    <row r="14" spans="1:18" s="11" customFormat="1">
      <c r="A14" s="37"/>
      <c r="B14" s="12"/>
      <c r="C14" s="12"/>
      <c r="D14" s="5"/>
      <c r="E14" s="5"/>
      <c r="F14" s="5"/>
      <c r="G14" s="5"/>
      <c r="H14" s="5"/>
      <c r="I14" s="5"/>
      <c r="J14" s="5"/>
      <c r="K14" s="5"/>
      <c r="L14" s="5"/>
      <c r="M14" s="5"/>
      <c r="N14" s="5"/>
      <c r="O14" s="5"/>
      <c r="P14" s="5"/>
      <c r="Q14" s="5"/>
      <c r="R14" s="5"/>
    </row>
    <row r="15" spans="1:18" s="11" customFormat="1">
      <c r="A15" s="37"/>
      <c r="B15" s="12"/>
      <c r="C15" s="12"/>
      <c r="D15" s="5"/>
      <c r="E15" s="5"/>
      <c r="F15" s="5"/>
      <c r="G15" s="5"/>
      <c r="H15" s="5"/>
      <c r="I15" s="5"/>
      <c r="J15" s="5"/>
      <c r="K15" s="5"/>
      <c r="L15" s="5"/>
      <c r="M15" s="5"/>
      <c r="N15" s="5"/>
      <c r="O15" s="5"/>
      <c r="P15" s="5"/>
      <c r="Q15" s="5"/>
      <c r="R15" s="5"/>
    </row>
    <row r="16" spans="1:18" s="11" customFormat="1">
      <c r="A16" s="37"/>
      <c r="B16" s="12"/>
      <c r="C16" s="12"/>
      <c r="D16" s="5"/>
      <c r="E16" s="5"/>
      <c r="F16" s="5"/>
      <c r="G16" s="5"/>
      <c r="H16" s="5"/>
      <c r="I16" s="5"/>
      <c r="J16" s="5"/>
      <c r="K16" s="5"/>
      <c r="L16" s="5"/>
      <c r="M16" s="5"/>
      <c r="N16" s="5"/>
      <c r="O16" s="5"/>
      <c r="P16" s="5"/>
      <c r="Q16" s="5"/>
      <c r="R16" s="5"/>
    </row>
    <row r="17" spans="1:18" s="11" customFormat="1">
      <c r="A17" s="37"/>
      <c r="B17" s="12"/>
      <c r="C17" s="12"/>
      <c r="D17" s="5"/>
      <c r="E17" s="5"/>
      <c r="F17" s="5"/>
      <c r="G17" s="5"/>
      <c r="H17" s="5"/>
      <c r="I17" s="5"/>
      <c r="J17" s="5"/>
      <c r="K17" s="5"/>
      <c r="L17" s="5"/>
      <c r="M17" s="5"/>
      <c r="N17" s="5"/>
      <c r="O17" s="5"/>
      <c r="P17" s="5"/>
      <c r="Q17" s="5"/>
      <c r="R17" s="5"/>
    </row>
    <row r="18" spans="1:18" s="11" customFormat="1">
      <c r="A18" s="37"/>
      <c r="B18" s="12"/>
      <c r="C18" s="12"/>
      <c r="D18" s="5"/>
      <c r="E18" s="5"/>
      <c r="F18" s="5"/>
      <c r="G18" s="5"/>
      <c r="H18" s="5"/>
      <c r="I18" s="5"/>
      <c r="J18" s="5"/>
      <c r="K18" s="5"/>
      <c r="L18" s="5"/>
      <c r="M18" s="5"/>
      <c r="N18" s="5"/>
      <c r="O18" s="5"/>
      <c r="P18" s="5"/>
      <c r="Q18" s="5"/>
      <c r="R18" s="5"/>
    </row>
    <row r="19" spans="1:18" s="11" customFormat="1">
      <c r="A19" s="37"/>
      <c r="B19" s="12"/>
      <c r="C19" s="12"/>
      <c r="D19" s="5"/>
      <c r="E19" s="5"/>
      <c r="F19" s="5"/>
      <c r="G19" s="5"/>
      <c r="H19" s="5"/>
      <c r="I19" s="5"/>
      <c r="J19" s="5"/>
      <c r="K19" s="5"/>
      <c r="L19" s="5"/>
      <c r="M19" s="5"/>
      <c r="N19" s="5"/>
      <c r="O19" s="5"/>
      <c r="P19" s="5"/>
      <c r="Q19" s="5"/>
      <c r="R19" s="5"/>
    </row>
    <row r="20" spans="1:18" s="11" customFormat="1">
      <c r="A20" s="37"/>
      <c r="B20" s="12"/>
      <c r="C20" s="12"/>
      <c r="D20" s="5"/>
      <c r="E20" s="5"/>
      <c r="F20" s="5"/>
      <c r="G20" s="5"/>
      <c r="H20" s="5"/>
      <c r="I20" s="5"/>
      <c r="J20" s="5"/>
      <c r="K20" s="5"/>
      <c r="L20" s="5"/>
      <c r="M20" s="5"/>
      <c r="N20" s="5"/>
      <c r="O20" s="5"/>
      <c r="P20" s="5"/>
      <c r="Q20" s="5"/>
      <c r="R20" s="5"/>
    </row>
    <row r="21" spans="1:18" s="11" customFormat="1">
      <c r="A21" s="37"/>
      <c r="B21" s="12"/>
      <c r="C21" s="12"/>
      <c r="D21" s="5"/>
      <c r="E21" s="5"/>
      <c r="F21" s="5"/>
      <c r="G21" s="5"/>
      <c r="H21" s="5"/>
      <c r="I21" s="5"/>
      <c r="J21" s="5"/>
      <c r="K21" s="5"/>
      <c r="L21" s="5"/>
      <c r="M21" s="5"/>
      <c r="N21" s="5"/>
      <c r="O21" s="5"/>
      <c r="P21" s="5"/>
      <c r="Q21" s="5"/>
      <c r="R21" s="5"/>
    </row>
    <row r="22" spans="1:18" s="11" customFormat="1">
      <c r="A22" s="37"/>
      <c r="B22" s="12"/>
      <c r="C22" s="12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</row>
    <row r="23" spans="1:18" s="11" customFormat="1">
      <c r="A23" s="37"/>
      <c r="B23" s="12"/>
      <c r="C23" s="12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</row>
    <row r="24" spans="1:18" s="11" customFormat="1">
      <c r="A24" s="37"/>
      <c r="B24" s="12"/>
      <c r="C24" s="12"/>
      <c r="D24" s="5"/>
      <c r="E24" s="5"/>
      <c r="F24" s="5"/>
      <c r="G24" s="5"/>
      <c r="H24" s="5"/>
      <c r="I24" s="5"/>
      <c r="J24" s="5"/>
      <c r="K24" s="5"/>
      <c r="L24" s="5"/>
      <c r="M24" s="5"/>
      <c r="N24" s="5"/>
      <c r="O24" s="5"/>
      <c r="P24" s="5"/>
      <c r="Q24" s="5"/>
      <c r="R24" s="5"/>
    </row>
    <row r="25" spans="1:18" s="11" customFormat="1">
      <c r="A25" s="37"/>
      <c r="B25" s="12"/>
      <c r="C25" s="12"/>
      <c r="D25" s="5"/>
      <c r="E25" s="5"/>
      <c r="F25" s="5"/>
      <c r="G25" s="5"/>
      <c r="H25" s="5"/>
      <c r="I25" s="5"/>
      <c r="J25" s="5"/>
      <c r="K25" s="5"/>
      <c r="L25" s="5"/>
      <c r="M25" s="5"/>
      <c r="N25" s="5"/>
      <c r="O25" s="5"/>
      <c r="P25" s="5"/>
      <c r="Q25" s="5"/>
      <c r="R25" s="5"/>
    </row>
    <row r="26" spans="1:18" s="11" customFormat="1">
      <c r="B26" s="13"/>
      <c r="C26" s="13"/>
    </row>
  </sheetData>
  <mergeCells count="27">
    <mergeCell ref="D11:F12"/>
    <mergeCell ref="M11:N12"/>
    <mergeCell ref="A11:B13"/>
    <mergeCell ref="G3:H3"/>
    <mergeCell ref="I3:J3"/>
    <mergeCell ref="A2:B4"/>
    <mergeCell ref="M2:N3"/>
    <mergeCell ref="C2:C4"/>
    <mergeCell ref="G12:H12"/>
    <mergeCell ref="F2:F4"/>
    <mergeCell ref="A6:B6"/>
    <mergeCell ref="A22:A25"/>
    <mergeCell ref="A5:B5"/>
    <mergeCell ref="A14:A17"/>
    <mergeCell ref="A18:A21"/>
    <mergeCell ref="Q2:R3"/>
    <mergeCell ref="Q11:R12"/>
    <mergeCell ref="G11:L11"/>
    <mergeCell ref="K12:L12"/>
    <mergeCell ref="O11:P12"/>
    <mergeCell ref="I12:J12"/>
    <mergeCell ref="O2:P3"/>
    <mergeCell ref="K3:L3"/>
    <mergeCell ref="I2:J2"/>
    <mergeCell ref="A7:B7"/>
    <mergeCell ref="D2:D4"/>
    <mergeCell ref="E2:E4"/>
  </mergeCells>
  <phoneticPr fontId="2"/>
  <pageMargins left="0.78740157480314965" right="0.78740157480314965" top="0.98425196850393704" bottom="0.98425196850393704" header="0.51181102362204722" footer="0.51181102362204722"/>
  <pageSetup paperSize="9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-1</vt:lpstr>
      <vt:lpstr>'9-1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農林水産業</dc:title>
  <dc:creator>統計係</dc:creator>
  <cp:lastModifiedBy>Administrator</cp:lastModifiedBy>
  <cp:lastPrinted>2021-02-05T10:40:39Z</cp:lastPrinted>
  <dcterms:created xsi:type="dcterms:W3CDTF">1997-01-08T22:48:59Z</dcterms:created>
  <dcterms:modified xsi:type="dcterms:W3CDTF">2021-02-05T10:49:51Z</dcterms:modified>
</cp:coreProperties>
</file>